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5" r:id="rId3"/>
    <p:sldId id="98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72" y="3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91110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1760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8628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181275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740743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125387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36973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746964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20444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25666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26285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6382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497850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280542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84826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54056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8609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31660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3450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35866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7921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5105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906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4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93644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ED3EE28-83CE-44AF-9277-D24F2ADAB3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903045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265E645D-68BE-436E-AFF0-192446D35B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4762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 dirty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FACA840-060D-4D0E-9CA9-3678401CD24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4762652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38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22" name="OTLSHAPE_M_850270193cf0418d8304fc7613d8c1e2_Connector1">
            <a:extLst>
              <a:ext uri="{FF2B5EF4-FFF2-40B4-BE49-F238E27FC236}">
                <a16:creationId xmlns:a16="http://schemas.microsoft.com/office/drawing/2014/main" id="{0FB068D8-8906-41AA-B30C-61F6CDAD149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27920" y="2700468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68cb5a8478d410d97d39ec5e8ae07a0_Connector1">
            <a:extLst>
              <a:ext uri="{FF2B5EF4-FFF2-40B4-BE49-F238E27FC236}">
                <a16:creationId xmlns:a16="http://schemas.microsoft.com/office/drawing/2014/main" id="{F4DC90B7-751D-4CDA-9EA9-F863E3BA49E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449254" y="2700469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af8b92d53d34c98be4fe72b1a6ff3c0_Connector1">
            <a:extLst>
              <a:ext uri="{FF2B5EF4-FFF2-40B4-BE49-F238E27FC236}">
                <a16:creationId xmlns:a16="http://schemas.microsoft.com/office/drawing/2014/main" id="{9472CC73-46AA-4159-84A0-FB8CE48CFB7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173424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678181a473064b809380f9abe10002ff_Connector1">
            <a:extLst>
              <a:ext uri="{FF2B5EF4-FFF2-40B4-BE49-F238E27FC236}">
                <a16:creationId xmlns:a16="http://schemas.microsoft.com/office/drawing/2014/main" id="{F43C2DC7-B0D7-4BF6-A8EB-7945910B270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66988" y="2235224"/>
            <a:ext cx="0" cy="1379008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85e302752f2c47379258c63292532c3c_Connector1">
            <a:extLst>
              <a:ext uri="{FF2B5EF4-FFF2-40B4-BE49-F238E27FC236}">
                <a16:creationId xmlns:a16="http://schemas.microsoft.com/office/drawing/2014/main" id="{7623ACE2-7BA5-4B15-AB66-02CF5F04D62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73331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7eccb403e94439584716399ac34933c_Connector1">
            <a:extLst>
              <a:ext uri="{FF2B5EF4-FFF2-40B4-BE49-F238E27FC236}">
                <a16:creationId xmlns:a16="http://schemas.microsoft.com/office/drawing/2014/main" id="{E8DBE119-2C50-4D73-B32D-FE91AFB963C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880296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A8AE3E2-E66F-4AF6-8655-0D819C5FCE5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4711682"/>
            <a:ext cx="10515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F90E6666-9A09-4A25-9550-D4678CA7917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44465" y="5016482"/>
            <a:ext cx="4838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B1A2062B-B024-474C-984B-DC214127177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627523" y="509268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D34238D0-58F6-4437-84BD-70B4693B512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5561852" y="5219682"/>
            <a:ext cx="254878" cy="1240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7965" y="4809155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770050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EEC995A-25AD-4BB9-BA5A-B8A0193F4280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646504" y="48091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8A91C4-C573-47CC-A462-D96ECE2BA81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522957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B06A76D-3FA1-4E20-B1BB-2A9AEF1A91B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4413778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9FE6B3E-9C61-4EA7-B72C-1C590159DD5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290231" y="48091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B8DF79DB-901C-4DF6-ACF3-CFEE05BD448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166684" y="480915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CE63E5D-B474-4F50-B9C2-E0664A906027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014401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00A737-6ED8-4EAB-B221-071D8C4ABDD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890854" y="48091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7D0A994-9A96-4FD2-BF4C-73B06819DEE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767307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F533DC36-9026-4D28-B5BE-C227EF32446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658128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63B8838C-A1F9-4C8E-98CD-48DBEDB1A75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534582" y="48091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62" name="OTLSHAPE_T_a82269eb335f4826b627d4afce417f01_Shape">
            <a:extLst>
              <a:ext uri="{FF2B5EF4-FFF2-40B4-BE49-F238E27FC236}">
                <a16:creationId xmlns:a16="http://schemas.microsoft.com/office/drawing/2014/main" id="{5DA2F9AD-A9AD-457B-967C-4A918F1B1FC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44465" y="3614233"/>
            <a:ext cx="43942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T_df4d89a3d35b45f7b90ef9ae229234f2_Shape">
            <a:extLst>
              <a:ext uri="{FF2B5EF4-FFF2-40B4-BE49-F238E27FC236}">
                <a16:creationId xmlns:a16="http://schemas.microsoft.com/office/drawing/2014/main" id="{3F898AC0-7BD2-44F4-B302-4F4D96D2123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226731" y="3614233"/>
            <a:ext cx="48006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T_f7095a83a335486d93b8ba558036dcdc_Shape">
            <a:extLst>
              <a:ext uri="{FF2B5EF4-FFF2-40B4-BE49-F238E27FC236}">
                <a16:creationId xmlns:a16="http://schemas.microsoft.com/office/drawing/2014/main" id="{7CB2F896-9732-4309-B2CE-901599046B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58397" y="4074058"/>
            <a:ext cx="2654300" cy="2794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T_a82269eb335f4826b627d4afce417f01_ShapePercentage" hidden="1">
            <a:extLst>
              <a:ext uri="{FF2B5EF4-FFF2-40B4-BE49-F238E27FC236}">
                <a16:creationId xmlns:a16="http://schemas.microsoft.com/office/drawing/2014/main" id="{5AC95F24-564F-4290-9DE8-ED25AE00D4D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361423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" name="OTLSHAPE_T_df4d89a3d35b45f7b90ef9ae229234f2_ShapePercentage" hidden="1">
            <a:extLst>
              <a:ext uri="{FF2B5EF4-FFF2-40B4-BE49-F238E27FC236}">
                <a16:creationId xmlns:a16="http://schemas.microsoft.com/office/drawing/2014/main" id="{7860EA87-A8FB-4C86-AAEE-64EDCB874EC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226731" y="361423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2" name="OTLSHAPE_T_f7095a83a335486d93b8ba558036dcdc_ShapePercentage" hidden="1">
            <a:extLst>
              <a:ext uri="{FF2B5EF4-FFF2-40B4-BE49-F238E27FC236}">
                <a16:creationId xmlns:a16="http://schemas.microsoft.com/office/drawing/2014/main" id="{6391A483-6501-4EE2-8905-CB62E411F0F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258397" y="407405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6" name="OTLSHAPE_T_a82269eb335f4826b627d4afce417f01_JoinedDate">
            <a:extLst>
              <a:ext uri="{FF2B5EF4-FFF2-40B4-BE49-F238E27FC236}">
                <a16:creationId xmlns:a16="http://schemas.microsoft.com/office/drawing/2014/main" id="{DE091715-57E5-4754-B8AF-E18A35435C4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4465" y="389363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0 - Oct 2020</a:t>
            </a:r>
          </a:p>
        </p:txBody>
      </p:sp>
      <p:sp>
        <p:nvSpPr>
          <p:cNvPr id="69" name="OTLSHAPE_T_a82269eb335f4826b627d4afce417f01_Title">
            <a:extLst>
              <a:ext uri="{FF2B5EF4-FFF2-40B4-BE49-F238E27FC236}">
                <a16:creationId xmlns:a16="http://schemas.microsoft.com/office/drawing/2014/main" id="{9B1EC454-556F-4313-A8CF-F1884194BA9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688629" y="366867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Trial</a:t>
            </a:r>
          </a:p>
        </p:txBody>
      </p:sp>
      <p:sp>
        <p:nvSpPr>
          <p:cNvPr id="72" name="OTLSHAPE_T_df4d89a3d35b45f7b90ef9ae229234f2_Duration">
            <a:extLst>
              <a:ext uri="{FF2B5EF4-FFF2-40B4-BE49-F238E27FC236}">
                <a16:creationId xmlns:a16="http://schemas.microsoft.com/office/drawing/2014/main" id="{6EA5958D-98EA-467B-BDEA-7AB7C4A19AC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076461" y="36686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mons</a:t>
            </a:r>
          </a:p>
        </p:txBody>
      </p:sp>
      <p:sp>
        <p:nvSpPr>
          <p:cNvPr id="76" name="OTLSHAPE_T_df4d89a3d35b45f7b90ef9ae229234f2_JoinedDate">
            <a:extLst>
              <a:ext uri="{FF2B5EF4-FFF2-40B4-BE49-F238E27FC236}">
                <a16:creationId xmlns:a16="http://schemas.microsoft.com/office/drawing/2014/main" id="{04032741-07F4-421C-85C3-C4D3B76F000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226731" y="38936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0 - Sep 2021</a:t>
            </a:r>
          </a:p>
        </p:txBody>
      </p:sp>
      <p:sp>
        <p:nvSpPr>
          <p:cNvPr id="77" name="OTLSHAPE_T_df4d89a3d35b45f7b90ef9ae229234f2_Title">
            <a:extLst>
              <a:ext uri="{FF2B5EF4-FFF2-40B4-BE49-F238E27FC236}">
                <a16:creationId xmlns:a16="http://schemas.microsoft.com/office/drawing/2014/main" id="{FC2C6958-86A5-4FE5-A137-03C4F1CD47B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260606" y="366867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 Trial</a:t>
            </a:r>
          </a:p>
        </p:txBody>
      </p:sp>
      <p:sp>
        <p:nvSpPr>
          <p:cNvPr id="80" name="OTLSHAPE_T_f7095a83a335486d93b8ba558036dcdc_Duration">
            <a:extLst>
              <a:ext uri="{FF2B5EF4-FFF2-40B4-BE49-F238E27FC236}">
                <a16:creationId xmlns:a16="http://schemas.microsoft.com/office/drawing/2014/main" id="{9FCEB42B-4B5B-4F12-B504-BAF7C6AA2E9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952914" y="4128498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mons</a:t>
            </a:r>
          </a:p>
        </p:txBody>
      </p:sp>
      <p:sp>
        <p:nvSpPr>
          <p:cNvPr id="84" name="OTLSHAPE_T_f7095a83a335486d93b8ba558036dcdc_JoinedDate">
            <a:extLst>
              <a:ext uri="{FF2B5EF4-FFF2-40B4-BE49-F238E27FC236}">
                <a16:creationId xmlns:a16="http://schemas.microsoft.com/office/drawing/2014/main" id="{061CB5E9-3BBE-4409-98D7-BFB3A05D48C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258397" y="435345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 - Nov 30</a:t>
            </a:r>
          </a:p>
        </p:txBody>
      </p:sp>
      <p:sp>
        <p:nvSpPr>
          <p:cNvPr id="85" name="OTLSHAPE_T_f7095a83a335486d93b8ba558036dcdc_Title">
            <a:extLst>
              <a:ext uri="{FF2B5EF4-FFF2-40B4-BE49-F238E27FC236}">
                <a16:creationId xmlns:a16="http://schemas.microsoft.com/office/drawing/2014/main" id="{275CE630-9F8F-4942-876E-1DBCC3D20F3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196038" y="41284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 Trial</a:t>
            </a:r>
          </a:p>
        </p:txBody>
      </p:sp>
      <p:sp>
        <p:nvSpPr>
          <p:cNvPr id="31" name="OTLSHAPE_T_a82269eb335f4826b627d4afce417f01_Duration" hidden="1">
            <a:extLst>
              <a:ext uri="{FF2B5EF4-FFF2-40B4-BE49-F238E27FC236}">
                <a16:creationId xmlns:a16="http://schemas.microsoft.com/office/drawing/2014/main" id="{DFA814D5-53A8-48F6-8362-11EF97C5C0F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356632"/>
            <a:ext cx="4953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>
                <a:solidFill>
                  <a:srgbClr val="B20E12"/>
                </a:solidFill>
                <a:latin typeface="Calibri" panose="020F0502020204030204" pitchFamily="34" charset="0"/>
              </a:rPr>
              <a:t>10 mons</a:t>
            </a:r>
          </a:p>
        </p:txBody>
      </p:sp>
      <p:sp>
        <p:nvSpPr>
          <p:cNvPr id="34" name="OTLSHAPE_T_a82269eb335f4826b627d4afce417f01_TextPercentage" hidden="1">
            <a:extLst>
              <a:ext uri="{FF2B5EF4-FFF2-40B4-BE49-F238E27FC236}">
                <a16:creationId xmlns:a16="http://schemas.microsoft.com/office/drawing/2014/main" id="{F22DE1A4-3DA2-44DE-A638-9BEA8657331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a82269eb335f4826b627d4afce417f01_StartDate" hidden="1">
            <a:extLst>
              <a:ext uri="{FF2B5EF4-FFF2-40B4-BE49-F238E27FC236}">
                <a16:creationId xmlns:a16="http://schemas.microsoft.com/office/drawing/2014/main" id="{8C67003E-4EBD-484F-884A-5AF12F37201F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a82269eb335f4826b627d4afce417f01_EndDate" hidden="1">
            <a:extLst>
              <a:ext uri="{FF2B5EF4-FFF2-40B4-BE49-F238E27FC236}">
                <a16:creationId xmlns:a16="http://schemas.microsoft.com/office/drawing/2014/main" id="{AB1619D5-9EFD-4BD5-BB93-39C3030569C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df4d89a3d35b45f7b90ef9ae229234f2_TextPercentage" hidden="1">
            <a:extLst>
              <a:ext uri="{FF2B5EF4-FFF2-40B4-BE49-F238E27FC236}">
                <a16:creationId xmlns:a16="http://schemas.microsoft.com/office/drawing/2014/main" id="{2A0206EB-B2B4-4CAE-B8C0-610B138F437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df4d89a3d35b45f7b90ef9ae229234f2_StartDate" hidden="1">
            <a:extLst>
              <a:ext uri="{FF2B5EF4-FFF2-40B4-BE49-F238E27FC236}">
                <a16:creationId xmlns:a16="http://schemas.microsoft.com/office/drawing/2014/main" id="{D71AD97E-5D4A-4CAD-B6A8-93B248CC0C6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f4d89a3d35b45f7b90ef9ae229234f2_EndDate" hidden="1">
            <a:extLst>
              <a:ext uri="{FF2B5EF4-FFF2-40B4-BE49-F238E27FC236}">
                <a16:creationId xmlns:a16="http://schemas.microsoft.com/office/drawing/2014/main" id="{7E8E067D-3FEC-45A7-8BFD-699B50E9E76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f7095a83a335486d93b8ba558036dcdc_TextPercentage" hidden="1">
            <a:extLst>
              <a:ext uri="{FF2B5EF4-FFF2-40B4-BE49-F238E27FC236}">
                <a16:creationId xmlns:a16="http://schemas.microsoft.com/office/drawing/2014/main" id="{CE46D3E2-AD66-4282-A437-4B8123F51F7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f7095a83a335486d93b8ba558036dcdc_StartDate" hidden="1">
            <a:extLst>
              <a:ext uri="{FF2B5EF4-FFF2-40B4-BE49-F238E27FC236}">
                <a16:creationId xmlns:a16="http://schemas.microsoft.com/office/drawing/2014/main" id="{4C343D15-4734-4F37-8DF2-B441E55F56B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f7095a83a335486d93b8ba558036dcdc_EndDate" hidden="1">
            <a:extLst>
              <a:ext uri="{FF2B5EF4-FFF2-40B4-BE49-F238E27FC236}">
                <a16:creationId xmlns:a16="http://schemas.microsoft.com/office/drawing/2014/main" id="{5BCD0B58-F0CD-483E-86AC-6471EC31251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882532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158455" y="5029182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94cf3d23472646b596dba9c7b004a38e_Shape">
            <a:extLst>
              <a:ext uri="{FF2B5EF4-FFF2-40B4-BE49-F238E27FC236}">
                <a16:creationId xmlns:a16="http://schemas.microsoft.com/office/drawing/2014/main" id="{9764460F-31C0-4E27-A2D0-8725604B23A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9911361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787814" y="50291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M_678181a473064b809380f9abe10002ff_Shape">
            <a:extLst>
              <a:ext uri="{FF2B5EF4-FFF2-40B4-BE49-F238E27FC236}">
                <a16:creationId xmlns:a16="http://schemas.microsoft.com/office/drawing/2014/main" id="{1D2CF72B-FF3F-4754-8305-68A309A2ED2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92388" y="2235224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M_850270193cf0418d8304fc7613d8c1e2_Shape">
            <a:extLst>
              <a:ext uri="{FF2B5EF4-FFF2-40B4-BE49-F238E27FC236}">
                <a16:creationId xmlns:a16="http://schemas.microsoft.com/office/drawing/2014/main" id="{BF0F3DCC-62E1-4BCB-BE0C-F563CC9EF175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753320" y="2700468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M_85e302752f2c47379258c63292532c3c_Shape">
            <a:extLst>
              <a:ext uri="{FF2B5EF4-FFF2-40B4-BE49-F238E27FC236}">
                <a16:creationId xmlns:a16="http://schemas.microsoft.com/office/drawing/2014/main" id="{36AA3811-84EA-46A9-BA2F-8182969EF10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198731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M_468cb5a8478d410d97d39ec5e8ae07a0_Shape">
            <a:extLst>
              <a:ext uri="{FF2B5EF4-FFF2-40B4-BE49-F238E27FC236}">
                <a16:creationId xmlns:a16="http://schemas.microsoft.com/office/drawing/2014/main" id="{335BAEC5-0DFD-4A1D-B72F-1839DE2A9FC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474654" y="2700468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M_07eccb403e94439584716399ac34933c_Shape">
            <a:extLst>
              <a:ext uri="{FF2B5EF4-FFF2-40B4-BE49-F238E27FC236}">
                <a16:creationId xmlns:a16="http://schemas.microsoft.com/office/drawing/2014/main" id="{D5CAD444-C863-46F6-A4D2-73FE20F17B3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905696" y="3165711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M_caf8b92d53d34c98be4fe72b1a6ff3c0_Shape">
            <a:extLst>
              <a:ext uri="{FF2B5EF4-FFF2-40B4-BE49-F238E27FC236}">
                <a16:creationId xmlns:a16="http://schemas.microsoft.com/office/drawing/2014/main" id="{40A24325-7B29-409D-B809-2C0D4C4A46A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198824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678181a473064b809380f9abe10002ff_Title">
            <a:extLst>
              <a:ext uri="{FF2B5EF4-FFF2-40B4-BE49-F238E27FC236}">
                <a16:creationId xmlns:a16="http://schemas.microsoft.com/office/drawing/2014/main" id="{96C868EB-79E0-4476-9110-954E42E2B54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88577" y="211690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30" name="OTLSHAPE_M_678181a473064b809380f9abe10002ff_Date">
            <a:extLst>
              <a:ext uri="{FF2B5EF4-FFF2-40B4-BE49-F238E27FC236}">
                <a16:creationId xmlns:a16="http://schemas.microsoft.com/office/drawing/2014/main" id="{F9DE71B6-4872-4B86-B157-7703EE8BB16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88577" y="231282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5, 2020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M_850270193cf0418d8304fc7613d8c1e2_Title">
            <a:extLst>
              <a:ext uri="{FF2B5EF4-FFF2-40B4-BE49-F238E27FC236}">
                <a16:creationId xmlns:a16="http://schemas.microsoft.com/office/drawing/2014/main" id="{29100BE5-9D18-41BC-8E8A-1B6A4298013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949509" y="2582146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33" name="OTLSHAPE_M_850270193cf0418d8304fc7613d8c1e2_Date">
            <a:extLst>
              <a:ext uri="{FF2B5EF4-FFF2-40B4-BE49-F238E27FC236}">
                <a16:creationId xmlns:a16="http://schemas.microsoft.com/office/drawing/2014/main" id="{181565A7-9008-4F2D-8BAC-0224BC0351E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949509" y="27780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, 2020</a:t>
            </a:r>
          </a:p>
        </p:txBody>
      </p:sp>
      <p:sp>
        <p:nvSpPr>
          <p:cNvPr id="35" name="OTLSHAPE_M_85e302752f2c47379258c63292532c3c_Title">
            <a:extLst>
              <a:ext uri="{FF2B5EF4-FFF2-40B4-BE49-F238E27FC236}">
                <a16:creationId xmlns:a16="http://schemas.microsoft.com/office/drawing/2014/main" id="{EB698844-C733-4398-B347-A119CC0088DB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394919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36" name="OTLSHAPE_M_85e302752f2c47379258c63292532c3c_Date">
            <a:extLst>
              <a:ext uri="{FF2B5EF4-FFF2-40B4-BE49-F238E27FC236}">
                <a16:creationId xmlns:a16="http://schemas.microsoft.com/office/drawing/2014/main" id="{AD0C47B1-BDB7-4584-94AF-1C1F1D501AF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394919" y="324330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, 2020</a:t>
            </a: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779556" y="548900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662589" y="530858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, 2020</a:t>
            </a:r>
          </a:p>
        </p:txBody>
      </p:sp>
      <p:sp>
        <p:nvSpPr>
          <p:cNvPr id="44" name="OTLSHAPE_M_468cb5a8478d410d97d39ec5e8ae07a0_Title">
            <a:extLst>
              <a:ext uri="{FF2B5EF4-FFF2-40B4-BE49-F238E27FC236}">
                <a16:creationId xmlns:a16="http://schemas.microsoft.com/office/drawing/2014/main" id="{76772591-8C0C-433B-B44E-42CC4D8F56B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670842" y="258214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45" name="OTLSHAPE_M_468cb5a8478d410d97d39ec5e8ae07a0_Date">
            <a:extLst>
              <a:ext uri="{FF2B5EF4-FFF2-40B4-BE49-F238E27FC236}">
                <a16:creationId xmlns:a16="http://schemas.microsoft.com/office/drawing/2014/main" id="{7D20FEB2-5894-4C2D-B7AF-0D86CA517A0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670842" y="277806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5, 2020</a:t>
            </a:r>
          </a:p>
        </p:txBody>
      </p:sp>
      <p:sp>
        <p:nvSpPr>
          <p:cNvPr id="47" name="OTLSHAPE_M_07eccb403e94439584716399ac34933c_Title">
            <a:extLst>
              <a:ext uri="{FF2B5EF4-FFF2-40B4-BE49-F238E27FC236}">
                <a16:creationId xmlns:a16="http://schemas.microsoft.com/office/drawing/2014/main" id="{014044C0-D590-4B2C-B920-A8A3BC22BD0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101885" y="304739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48" name="OTLSHAPE_M_07eccb403e94439584716399ac34933c_Date">
            <a:extLst>
              <a:ext uri="{FF2B5EF4-FFF2-40B4-BE49-F238E27FC236}">
                <a16:creationId xmlns:a16="http://schemas.microsoft.com/office/drawing/2014/main" id="{AAD28CDA-5076-41C6-A476-2A3C89BAED4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101885" y="324330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5, 2020</a:t>
            </a:r>
          </a:p>
        </p:txBody>
      </p:sp>
      <p:sp>
        <p:nvSpPr>
          <p:cNvPr id="50" name="OTLSHAPE_M_caf8b92d53d34c98be4fe72b1a6ff3c0_Title">
            <a:extLst>
              <a:ext uri="{FF2B5EF4-FFF2-40B4-BE49-F238E27FC236}">
                <a16:creationId xmlns:a16="http://schemas.microsoft.com/office/drawing/2014/main" id="{63D23E3D-2DF3-4B58-B3B2-1D59A00F617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395012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51" name="OTLSHAPE_M_caf8b92d53d34c98be4fe72b1a6ff3c0_Date">
            <a:extLst>
              <a:ext uri="{FF2B5EF4-FFF2-40B4-BE49-F238E27FC236}">
                <a16:creationId xmlns:a16="http://schemas.microsoft.com/office/drawing/2014/main" id="{7F286FF3-8AA8-4CBB-85D8-4833DA548C68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395012" y="324330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5, 2021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28614" y="5489007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16414" y="530858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, 2021</a:t>
            </a:r>
          </a:p>
        </p:txBody>
      </p:sp>
      <p:sp>
        <p:nvSpPr>
          <p:cNvPr id="56" name="OTLSHAPE_M_94cf3d23472646b596dba9c7b004a38e_Title">
            <a:extLst>
              <a:ext uri="{FF2B5EF4-FFF2-40B4-BE49-F238E27FC236}">
                <a16:creationId xmlns:a16="http://schemas.microsoft.com/office/drawing/2014/main" id="{BEB496FF-9E4B-449E-B69C-8FF47AB01E9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824176" y="548900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</a:t>
            </a:r>
          </a:p>
        </p:txBody>
      </p:sp>
      <p:sp>
        <p:nvSpPr>
          <p:cNvPr id="57" name="OTLSHAPE_M_94cf3d23472646b596dba9c7b004a38e_Date">
            <a:extLst>
              <a:ext uri="{FF2B5EF4-FFF2-40B4-BE49-F238E27FC236}">
                <a16:creationId xmlns:a16="http://schemas.microsoft.com/office/drawing/2014/main" id="{8466776F-43DD-4606-AFD1-89048B27D47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687460" y="530858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 30, 202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436024" y="5489007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555150" y="530858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0, 2021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BACCFD5B-AEBC-4298-BDA0-5CA15EF61EE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43601" y="504062"/>
            <a:ext cx="68186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Roadmap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FCBD8078-852E-4E1B-A200-9E930365795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43601" y="114603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OPA Human Trials in USA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64192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QuMiIsIk9yaWdpbmFsQXNzZW1ibHlWZXJzaW9uIjoiNC4wMi4wMC4wMCIsIkVkaXRpb24iOiJQcm8iLCJMYXN0U2F2ZWRFZGl0aW9uIjoxLCJJc1BsdXNFZGl0aW9uIjp0cnVlLCJJc1Byb0VkaXRpb24iOnRydWV9LCJFZmZlY3QiOjAsIlN0eWxlIjp7IiRpZCI6IjMiLCJUaW1lYmFuZFN0eWxlIjp7IiRpZCI6IjQiLCJTY2FsZU1hcmtpbmciOjAsIlNoYXBlIjoz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Y4LCJHIjo4NCwiQiI6MTA2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MC4wLCJIZWlnaHQiOjMwLjAsIkJvcmRlclN0eWxlIjpudWxsLCJQYXJlbnRTdHlsZSI6bnVsbH0sIkJvdHRvbVRpZXJTaGFwZVN0eWxlIjp7IiRpZCI6IjE0IiwiTWFyZ2luIjp7IiRyZWYiOiI2In0sIlBhZGRpbmciOnsiJHJlZiI6IjcifSwiQmFja2dyb3VuZCI6eyIkcmVmIjoiOCJ9LCJJc1Zpc2libGUiOnRydWUsIldpZHRoIjow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nRydW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0cnVlLCJXaWR0aCI6MC4wLCJIZWlnaHQiOjAuMCwiQm9yZGVyU3R5bGUiOm51bGwsIlBhcmVudFN0eWxlIjpudWxsfSwiVG9kYXlUZXh0U3R5bGUiOnsiJGlkIjoiMzAiLCJGb250U2V0dGluZ3MiOnsiJGlkIjoiMzEiLCJGb250U2l6ZSI6OC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dHJ1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SwiU2hvd1NlZ21lbnRTZXBhcmF0b3JzIjpmYWxz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EsIkhlaWdodCI6MzAuMH0sIk1pZGRsZVRpZXJTY2FsZVN0eWxlIjp7IiRpZCI6IjUwIiwiU2hhcGUiOjEsIlNob3dTZWdtZW50U2VwYXJhdG9ycyI6ZmFsc2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xLCJTaG93U2VnbWVudFNlcGFyYXRvcnMiOmZhbHN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3OSwiRyI6MTI5LCJCIjoxODl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xNTYsIkciOjAsIkIiOjEyN3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RlZmF1bHRUYXNrU3R5bGUiOnsiJGlkIjoiOTAiLCJTaGFwZSI6MCwiU2hhcGVUaGlja25lc3MiOjIsIkR1cmF0aW9uRm9ybWF0Ijo1LCJJbmNsdWRlTm9uV29ya2luZ0RheXNJbkR1cmF0aW9uIjpmYWxzZSwiUGVyY2VudGFnZUNvbXBsZ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iwiRm9udE5hbWUiOiJDYWxpYnJpIiwiSXNCb2xkIjpmYWxzZSwiSXNJdGFsaWMiOmZhbHNlLCJJc1VuZGVybGluZWQiOmZhbHNlLCJQYXJlbnRTdHlsZSI6bnVsbH0sIkF1dG9TaXplIjowLCJGb3JlZ3JvdW5kIjp7IiRpZCI6IjEwMCIsIkNvbG9yIjp7IiRpZCI6IjEwM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nsiJGlkIjoiMTI1IiwiQ29sb3IiOnsiJHJlZiI6IjIyIn19LCJJc1Zpc2libGUiOnRydWUsIldpZHRoIjowLjAsIkhlaWdodCI6MC4wLCJCb3JkZXJTdHlsZSI6bnVsbCwiUGFyZW50U3R5bGUiOm51bGx9LCJEY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mZhbHN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mYWxz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HJlZiI6IjgwIn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yZWYiOiI4NyJ9LCJJc1Zpc2libGUiOnRydWUsIldpZHRoIjowLjAsIkhlaWdodCI6MC4wLCJCb3JkZXJTdHlsZSI6eyIkaWQiOiIyMTEiLCJMaW5lQ29sb3IiOm51bGwsIkxpbmVXZWlnaHQiOjAuMCwiTGluZVR5cGUiOjAsIlBhcmVudFN0eWxlIjpudWxsfSwiUGFyZW50U3R5bGUiOm51bGx9LCJEYXRlRm9ybWF0Ijp7IiRpZCI6IjIx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xIiwiVG9wIjowLjAsIkxlZnQiOjAuMCwiUmlnaHQiOjAuMCwiQm90dG9tIjowLjB9LCJQYWRkaW5nIjp7IiRpZCI6IjI0MiIsIlRvcCI6MC4wLCJMZWZ0IjowLjAsIlJpZ2h0IjowLjAsIkJvdHRvbSI6MC4wfSwiQmFja2dyb3VuZCI6eyIkcmVmIjoiODcifSwiSXNWaXNpYmxlIjp0cnVlLCJXaWR0aCI6MC4wLCJIZWlnaHQiOjAuMCwiQm9yZGVyU3R5bGUiOnsiJGlkIjoiMjQzIiwiTGluZUNvbG9yIjpudWxsLCJMaW5lV2VpZ2h0IjowLjAsIkxpbmVUeXBlIjowLCJQYXJlbnRTdHlsZSI6bnVsbH0sIlBhcmVudFN0eWxlIjpudWxsfSwiRGF0ZUZvcm1hdCI6eyIkaWQiOiIyN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YiLCJUb3AiOjAuMCwiTGVmdCI6MC4wLCJSaWdodCI6MC4wLCJCb3R0b20iOjAuMH0sIlBhZGRpbmciOnsiJGlkIjoiMjY3IiwiVG9wIjowLjAsIkxlZnQiOjAuMCwiUmlnaHQiOjAuMCwiQm90dG9tIjowLjB9LCJCYWNrZ3JvdW5kIjp7IiRyZWYiOiI4MCJ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pZCI6IjI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zIiwiVG9wIjowLjAsIkxlZnQiOjAuMCwiUmlnaHQiOjAuMCwiQm90dG9tIjowLjB9LCJQYWRkaW5nIjp7IiRpZCI6IjI3NCIsIlRvcCI6MC4wLCJMZWZ0IjowLjAsIlJpZ2h0IjowLjAsIkJvdHRvbSI6MC4wfSwiQmFja2dyb3VuZCI6eyIkcmVmIjoiODcifSwiSXNWaXNpYmxlIjp0cnVlLCJXaWR0aCI6MC4wLCJIZWlnaHQiOjAuMCwiQm9yZGVyU3R5bGUiOnsiJGlkIjoiMjc1IiwiTGluZUNvbG9yIjpudWxsLCJMaW5lV2VpZ2h0IjowLjAsIkxpbmVUeXBlIjowLCJQYXJlbnRTdHlsZSI6bnVsbH0sIlBhcmVudFN0eWxlIjpudWxsfSwiRGF0ZUZvcm1hdCI6eyIkaWQiOiIy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NSIsIlRvcCI6MC4wLCJMZWZ0IjowLjAsIlJpZ2h0IjowLjAsIkJvdHRvbSI6MC4wfSwiUGFkZGluZyI6eyIkaWQiOiIzMDYiLCJUb3AiOjAuMCwiTGVmdCI6MC4wLCJSaWdodCI6MC4wLCJCb3R0b20iOjAuMH0sIkJhY2tncm91bmQiOnsiJHJlZiI6Ijg3In0sIklzVmlzaWJsZSI6dHJ1ZSwiV2lkdGgiOjAuMCwiSGVpZ2h0IjowLjAsIkJvcmRlclN0eWxlIjp7IiRpZCI6IjMwNyIsIkxpbmVDb2xvciI6bnVsbCwiTGluZVdlaWdodCI6MC4wLCJMaW5lVHlwZSI6MCwiUGFyZW50U3R5bGUiOm51bGx9LCJQYXJlbnRTdHlsZSI6bnVsbH0sIkRhdGVGb3JtYXQiOnsiJGlkIjoiMzA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MCIsIlRvcCI6MC4wLCJMZWZ0IjowLjAsIlJpZ2h0IjowLjAsIkJvdHRvbSI6MC4wfSwiUGFkZGluZyI6eyIkaWQiOiIzMzEiLCJUb3AiOjAuMCwiTGVmdCI6MC4wLCJSaWdodCI6MC4wLCJCb3R0b20iOjAuMH0sIkJhY2tncm91bmQiOnsiJHJlZiI6IjgwIn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yZWYiOiI4NyJ9LCJJc1Zpc2libGUiOnRydWUsIldpZHRoIjowLjAsIkhlaWdodCI6MC4wLCJCb3JkZXJTdHlsZSI6eyIkaWQiOiIzMzkiLCJMaW5lQ29sb3IiOm51bGwsIkxpbmVXZWlnaHQiOjAuMCwiTGluZVR5cGUiOjAsIlBhcmVudFN0eWxlIjpudWxsfSwiUGFyZW50U3R5bGUiOm51bGx9LCJEYXRlRm9ybWF0Ijp7IiRpZCI6IjM0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HJlZiI6Ijgw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IsIkZvcmVncm91bmQiOnsiJGlkIjoiMzY3IiwiQ29sb3IiOnsiJGlkIjoiMzY4IiwiQSI6MjU1LCJSIjo2OCwiRyI6ODQsIkIiOjEwNn19LCJNYXhXaWR0aCI6NTQuMjYzMzMzMzMzMzMzMzM1LCJNYXhIZWlnaHQiOiJJbmZpbml0eSIsIlNtYXJ0Rm9yZWdyb3VuZElzQWN0aXZlIjpmYWxzZSwiSG9yaXpvbnRhbEFsaWdubWVudCI6MC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cmVmIjoiODcifSwiSXNWaXNpYmxlIjp0cnVlLCJXaWR0aCI6MC4wLCJIZWlnaHQiOjAuMCwiQm9yZGVyU3R5bGUiOnsiJGlkIjoiMzcxIiwiTGluZUNvbG9yIjpudWxsLCJMaW5lV2VpZ2h0IjowLjAsIkxpbmVUeXBlIjowLCJQYXJlbnRTdHlsZSI6bnVsbH0sIlBhcmVudFN0eWxlIjpudWxsfSwiRGF0ZUZvcm1hdCI6eyIkaWQiOiIzN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wLCJGb3JlZ3JvdW5kIjp7IiRpZCI6IjM5MiIsIkNvbG9yIjp7IiRpZCI6IjM5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yZWYiOiI4MCJ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cmVmIjoiODcifSwiSXNWaXNpYmxlIjp0cnVlLCJXaWR0aCI6MC4wLCJIZWlnaHQiOjAuMCwiQm9yZGVyU3R5bGUiOnsiJGlkIjoiNDAzIiwiTGluZUNvbG9yIjpudWxsLCJMaW5lV2VpZ2h0IjowLjAsIkxpbmVUeXBlIjowLCJQYXJlbnRTdHlsZSI6bnVsbH0sIlBhcmVudFN0eWxlIjpudWxsfSwiRGF0ZUZvcm1hdCI6eyIkaWQiOiI0M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yZWYiOiI4MCJ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CwiRm9udE5hbWUiOiJDYWxpYnJpIiwiSXNCb2xkIjpmYWxzZSwiSXNJdGFsaWMiOmZhbHNlLCJJc1VuZGVybGluZWQiOmZhbHNlLCJQYXJlbnRTdHlsZSI6bnVsbH0sIkF1dG9TaXplIjoyLCJGb3JlZ3JvdW5kIjp7IiRpZCI6IjQzMSIsIkNvbG9yIjp7IiRpZCI6IjQzMi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cmVmIjoiODcifSwiSXNWaXNpYmxlIjp0cnVlLCJXaWR0aCI6MC4wLCJIZWlnaHQiOjAuMCwiQm9yZGVyU3R5bGUiOnsiJGlkIjoiNDM1IiwiTGluZUNvbG9yIjpudWxsLCJMaW5lV2VpZ2h0IjowLjAsIkxpbmVUeXBlIjowLCJQYXJlbnRTdHlsZSI6bnVsbH0sIlBhcmVudFN0eWxlIjpudWxsfSwiRGF0ZUZvcm1hdCI6eyIkaWQiOiI0M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cmVmIjoiODcifSwiSXNWaXNpYmxlIjp0cnVlLCJXaWR0aCI6MC4wLCJIZWlnaHQiOjAuMCwiQm9yZGVyU3R5bGUiOnsiJGlkIjoiNDY3IiwiTGluZUNvbG9yIjpudWxsLCJMaW5lV2VpZ2h0IjowLjAsIkxpbmVUeXBlIjowLCJQYXJlbnRTdHlsZSI6bnVsbH0sIlBhcmVudFN0eWxlIjpudWxsfSwiRGF0ZUZvcm1hdCI6eyIkaWQiOiI0Nj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cmVmIjoiODcifSwiSXNWaXNpYmxlIjp0cnVlLCJXaWR0aCI6MC4wLCJIZWlnaHQiOjAuMCwiQm9yZGVyU3R5bGUiOnsiJGlkIjoiNDk5IiwiTGluZUNvbG9yIjpudWxsLCJMaW5lV2VpZ2h0IjowLjAsIkxpbmVUeXBlIjowLCJQYXJlbnRTdHlsZSI6bnVsbH0sIlBhcmVudFN0eWxlIjpudWxsfSwiRGF0ZUZvcm1hdCI6eyIkaWQiOiI1MD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DEiLCJEYXRlUGFydElzVmlzaWJsZSI6dHJ1ZSwiVGltZVBhcnRJc1Zpc2libGUiOmZhbHNlfX0sIldlZWtOdW1iZXJpbmciOnsiJGlkIjoiNTAyIiwiRm9ybWF0IjowLCJJc1Zpc2libGUiOmZhbHNlLCJMYXN0S25vd25WaXNpYmlsaXR5U3RhdGUiOmZhbHNlfSwiSXNWaXNpYmxlIjp0cnVlLCJQYXJlbnRTdHlsZSI6bnVsbH0sIkluZGV4IjoxMywiUGVyY2VudGFnZUNvbXBsZXRlIjpudWxsLCJQb3NpdGlvbiI6eyJSYXRpbyI6MC4wLCJJc0N1c3RvbSI6ZmFsc2V9LCJEYXRlRm9ybWF0Ijp7IiRyZWYiOiI1MDAifSwiV2Vla051bWJlcmluZyI6eyIkaWQiOiI1MDM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cmVmIjoiODcifSwiSXNWaXNpYmxlIjp0cnVlLCJXaWR0aCI6MC4wLCJIZWlnaHQiOjAuMCwiQm9yZGVyU3R5bGUiOnsiJGlkIjoiNTMxIiwiTGluZUNvbG9yIjpudWxsLCJMaW5lV2VpZ2h0IjowLjAsIkxpbmVUeXBlIjowLCJQYXJlbnRTdHlsZSI6bnVsbH0sIlBhcmVudFN0eWxlIjpudWxsfSwiRGF0ZUZvcm1hdCI6eyIkaWQiOiI1Mz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cmVmIjoiMTA0In0sIklzVmlzaWJsZSI6dHJ1ZSwiV2lkdGgiOjAuMCwiSGVpZ2h0IjowLjAsIkJvcmRlclN0eWxlIjp7IiRpZCI6IjU1MCIsIkxpbmVDb2xvciI6bnVsbCwiTGluZVdlaWdodCI6MC4wLCJMaW5lVHlwZSI6MCwiUGFyZW50U3R5bGUiOm51bGx9LCJQYXJlbnRTdHlsZSI6bnVsbH0sIkhvcml6b250YWxDb25uZWN0b3JTdHlsZSI6eyIkaWQiOiI1NTEiLCJMaW5lQ29sb3IiOnsiJHJlZiI6IjEwNiJ9LCJMaW5lV2VpZ2h0IjoxLjAsIkxpbmVUeXBlIjowLCJQYXJlbnRTdHlsZSI6bnVsbH0sIlZlcnRpY2FsQ29ubmVjdG9yU3R5bGUiOnsiJGlkIjoiNTUyIiwiTGluZUNvbG9yIjp7IiRyZWYiOiIxMDk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yZWYiOiIxMzIifSwiSXNWaXNpYmxlIjp0cnVlLCJXaWR0aCI6MC4wLCJIZWlnaHQiOjAuMCwiQm9yZGVyU3R5bGUiOnsiJGlkIjoiNTcyIiwiTGluZUNvbG9yIjpudWxsLCJMaW5lV2VpZ2h0IjowLjAsIkxpbmVUeXBlIjowLCJQYXJlbnRTdHlsZSI6bnVsbH0sIlBhcmVudFN0eWxlIjpudWxsfSwiRGF0ZUZvcm1hdCI6eyIkaWQiOiI1NzM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cmVmIjoiOTci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xLCJGb250TmFtZSI6IkNhbGlicmkiLCJJc0JvbGQiOmZhbHNlLCJJc0l0YWxpYyI6ZmFsc2UsIklzVW5kZXJsaW5lZCI6ZmFsc2UsIlBhcmVudFN0eWxlIjpudWxsfSwiQXV0b1NpemUiOjAsIkZvcmVncm91bmQiOnsiJGlkIjoiNTg2IiwiQ29sb3IiOnsiJGlkIjoiNT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cmVmIjoiMTI1In0sIklzVmlzaWJsZSI6dHJ1ZSwiV2lkdGgiOjAuMCwiSGVpZ2h0IjowLjAsIkJvcmRlclN0eWxlIjp7IiRpZCI6IjYwNSIsIkxpbmVDb2xvciI6bnVsbCwiTGluZVdlaWdodCI6MC4wLCJMaW5lVHlwZSI6MCwiUGFyZW50U3R5bGUiOm51bGx9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GlkIjoiNjA4IiwiQ29sb3IiOnsiJGlkIjoiNj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cmVmIjoiMTMyIn0sIklzVmlzaWJsZSI6dHJ1ZSwiV2lkdGgiOjAuMCwiSGVpZ2h0IjowLjAsIkJvcmRlclN0eWxlIjp7IiRpZCI6IjY1MSIsIkxpbmVDb2xvciI6bnVsbCwiTGluZVdlaWdodCI6MC4wLCJMaW5lVHlwZSI6MCwiUGFyZW50U3R5bGUiOm51bGx9LCJQYXJlbnRTdHlsZSI6bnVsbH0sIkRhdGVGb3JtYXQiOnsiJGlkIjoiNj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cmVmIjoiMTA0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EwNiJ9LCJMaW5lV2VpZ2h0IjoxLjAsIkxpbmVUeXBlIjowLCJQYXJlbnRTdHlsZSI6bnVsbH0sIlZlcnRpY2FsQ29ubmVjdG9yU3R5bGUiOnsiJGlkIjoiNjcxIiwiTGluZUNvbG9yIjp7IiRyZWYiOiIxMD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HJlZiI6IjEyNSJ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yZWYiOiIxMzIifSwiSXNWaXNpYmxlIjp0cnVlLCJXaWR0aCI6MC4wLCJIZWlnaHQiOjAuMCwiQm9yZGVyU3R5bGUiOnsiJGlkIjoiNjkxIiwiTGluZUNvbG9yIjpudWxsLCJMaW5lV2VpZ2h0IjowLjAsIkxpbmVUeXBlIjowLCJQYXJlbnRTdHlsZSI6bnVsbH0sIlBhcmVudFN0eWxlIjpudWxsfSwiRGF0ZUZvcm1hdCI6eyIkaWQiOiI2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2OTciLCJJbXBhT3B0aW9ucyI6eyIkaWQiOiI2OTg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TkiLCJVc2VUaW1lIjpmYWxzZSwiV29ya0RheVN0YXJ0IjoiMDA6MDA6MDAiLCJXb3JrRGF5RW5kIjoiMjM6NTk6MDAifSwiTGFzdFVzZWRUZW1wbGF0ZUlkIjoiODA1NjI2Y2ItZGJhNy00MWY2LWIwNmEtYzQ1NTA1NjA2MTZm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1-30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Phases"/>
  <p:tag name="OTLTIMEBANDSHAPEHEIGHT" val="3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ELAPSEDSTYLE" val="Thi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TODAYPOSITION" val="Aut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0:00:00.0000000Z"/>
  <p:tag name="OTLENDDATE" val="2020-10-31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01T00:00:00.0000000Z"/>
  <p:tag name="OTLENDDATE" val="2021-09-30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31T00:00:00.0000000Z"/>
  <p:tag name="OTLENDDATE" val="2021-11-30T23:59:00.0000000Z"/>
  <p:tag name="OTLDURATIONFORMAT" val="mons"/>
  <p:tag name="OTLSPACING" val="2"/>
  <p:tag name="OTLSHAPETHICKNESSTYPE" val="Thick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DATE" val="2020-10-15T23:59:00.0000000Z"/>
  <p:tag name="OTLPOSITIONONTASK" val="Center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DATE" val="2021-05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DATE" val="2021-09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DATE" val="2021-11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0-01-15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DATE" val="2020-03-01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0-04-01T23:59:00.0000000Z"/>
  <p:tag name="OTLPOSITIONONTASK" val="Above"/>
  <p:tag name="OTLRELATEDTASKID" val="a82269eb-335f-4826-b627-d4afce417f01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DATE" val="2020-11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DATE" val="2020-12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DATE" val="2021-03-15T23:59:00.0000000Z"/>
  <p:tag name="OTLPOSITIONONTASK" val="Above"/>
  <p:tag name="OTLRELATEDTASKID" val="df4d89a3-d35b-45f7-b90e-f9ae229234f2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4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Office Theme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7T18:37:17Z</dcterms:created>
  <dcterms:modified xsi:type="dcterms:W3CDTF">2021-06-25T06:47:46Z</dcterms:modified>
</cp:coreProperties>
</file>